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660"/>
  </p:normalViewPr>
  <p:slideViewPr>
    <p:cSldViewPr snapToGrid="0">
      <p:cViewPr varScale="1">
        <p:scale>
          <a:sx n="74" d="100"/>
          <a:sy n="74" d="100"/>
        </p:scale>
        <p:origin x="576" y="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23065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30013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691552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5966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93713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020698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3635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884632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72255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24707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052599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A32E8A2-4AA2-4C0D-B90D-E2035DB269B9}" type="datetimeFigureOut">
              <a:rPr lang="en-US" smtClean="0"/>
              <a:t>11/28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E27988-5D2F-4884-9AB3-F9B9255C9E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09915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9" name="OTLSHAPE_M_8e495dcfc8574df986b6b1a1dc202daf_Connector1"/>
          <p:cNvCxnSpPr/>
          <p:nvPr>
            <p:custDataLst>
              <p:tags r:id="rId2"/>
            </p:custDataLst>
          </p:nvPr>
        </p:nvCxnSpPr>
        <p:spPr>
          <a:xfrm>
            <a:off x="9336089" y="2095500"/>
            <a:ext cx="0" cy="44217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M_941d474a3d8a40349f27b0125df5da44_Connector1"/>
          <p:cNvCxnSpPr/>
          <p:nvPr>
            <p:custDataLst>
              <p:tags r:id="rId3"/>
            </p:custDataLst>
          </p:nvPr>
        </p:nvCxnSpPr>
        <p:spPr>
          <a:xfrm>
            <a:off x="5364831" y="2095500"/>
            <a:ext cx="0" cy="52743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M_60ef5089990f4b48b328f13aceaae18b_Connector1"/>
          <p:cNvCxnSpPr/>
          <p:nvPr>
            <p:custDataLst>
              <p:tags r:id="rId4"/>
            </p:custDataLst>
          </p:nvPr>
        </p:nvCxnSpPr>
        <p:spPr>
          <a:xfrm>
            <a:off x="2982077" y="2095500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M_86dd2c02d7cf49899f7fd1cec43210ce_Connector1"/>
          <p:cNvCxnSpPr/>
          <p:nvPr>
            <p:custDataLst>
              <p:tags r:id="rId5"/>
            </p:custDataLst>
          </p:nvPr>
        </p:nvCxnSpPr>
        <p:spPr>
          <a:xfrm>
            <a:off x="2187825" y="2095500"/>
            <a:ext cx="0" cy="89471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M_4e0ccdcb57bd491689c79e24c6872851_Connector1"/>
          <p:cNvCxnSpPr/>
          <p:nvPr>
            <p:custDataLst>
              <p:tags r:id="rId6"/>
            </p:custDataLst>
          </p:nvPr>
        </p:nvCxnSpPr>
        <p:spPr>
          <a:xfrm>
            <a:off x="6499477" y="1272328"/>
            <a:ext cx="0" cy="442172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M_5a79f7b1210142dd9103d9c8f642f072_Connector1"/>
          <p:cNvCxnSpPr/>
          <p:nvPr>
            <p:custDataLst>
              <p:tags r:id="rId7"/>
            </p:custDataLst>
          </p:nvPr>
        </p:nvCxnSpPr>
        <p:spPr>
          <a:xfrm>
            <a:off x="6159083" y="819785"/>
            <a:ext cx="0" cy="894715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M_3a33a08a169c4061b986e0b2ed7c9290_Connector1"/>
          <p:cNvCxnSpPr/>
          <p:nvPr>
            <p:custDataLst>
              <p:tags r:id="rId8"/>
            </p:custDataLst>
          </p:nvPr>
        </p:nvCxnSpPr>
        <p:spPr>
          <a:xfrm>
            <a:off x="3776328" y="281982"/>
            <a:ext cx="0" cy="1432518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M_169c2399a32f47e9a93f0411cb5e3dd5_Connector1"/>
          <p:cNvCxnSpPr/>
          <p:nvPr>
            <p:custDataLst>
              <p:tags r:id="rId9"/>
            </p:custDataLst>
          </p:nvPr>
        </p:nvCxnSpPr>
        <p:spPr>
          <a:xfrm>
            <a:off x="3776328" y="1272328"/>
            <a:ext cx="0" cy="44217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75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14110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17145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2AAC8C"/>
              </a:gs>
              <a:gs pos="0">
                <a:srgbClr val="2AAC8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-13335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878937" y="2095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933365" y="22225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6865" y="18119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8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4450764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4514265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0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7968164" y="1803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8031665" y="18119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M_169c2399a32f47e9a93f0411cb5e3dd5_Title"/>
          <p:cNvSpPr txBox="1"/>
          <p:nvPr>
            <p:custDataLst>
              <p:tags r:id="rId21"/>
            </p:custDataLst>
          </p:nvPr>
        </p:nvSpPr>
        <p:spPr>
          <a:xfrm>
            <a:off x="3998578" y="1160357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UI Prototype Model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169c2399a32f47e9a93f0411cb5e3dd5_Date"/>
          <p:cNvSpPr txBox="1"/>
          <p:nvPr>
            <p:custDataLst>
              <p:tags r:id="rId22"/>
            </p:custDataLst>
          </p:nvPr>
        </p:nvSpPr>
        <p:spPr>
          <a:xfrm>
            <a:off x="3998578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25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M_169c2399a32f47e9a93f0411cb5e3dd5_Shape"/>
          <p:cNvSpPr/>
          <p:nvPr>
            <p:custDataLst>
              <p:tags r:id="rId23"/>
            </p:custDataLst>
          </p:nvPr>
        </p:nvSpPr>
        <p:spPr>
          <a:xfrm rot="16200000">
            <a:off x="3801728" y="1272328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M_3a33a08a169c4061b986e0b2ed7c9290_Title"/>
          <p:cNvSpPr txBox="1"/>
          <p:nvPr>
            <p:custDataLst>
              <p:tags r:id="rId24"/>
            </p:custDataLst>
          </p:nvPr>
        </p:nvSpPr>
        <p:spPr>
          <a:xfrm>
            <a:off x="3998578" y="84751"/>
            <a:ext cx="219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Environment Setup at UMBC (For e.g: Database setup etc.)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M_3a33a08a169c4061b986e0b2ed7c9290_Date"/>
          <p:cNvSpPr txBox="1"/>
          <p:nvPr>
            <p:custDataLst>
              <p:tags r:id="rId25"/>
            </p:custDataLst>
          </p:nvPr>
        </p:nvSpPr>
        <p:spPr>
          <a:xfrm>
            <a:off x="3998578" y="4384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25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3a33a08a169c4061b986e0b2ed7c9290_Shape"/>
          <p:cNvSpPr/>
          <p:nvPr>
            <p:custDataLst>
              <p:tags r:id="rId26"/>
            </p:custDataLst>
          </p:nvPr>
        </p:nvSpPr>
        <p:spPr>
          <a:xfrm rot="16200000">
            <a:off x="3801728" y="28198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M_5a79f7b1210142dd9103d9c8f642f072_Title"/>
          <p:cNvSpPr txBox="1"/>
          <p:nvPr>
            <p:custDataLst>
              <p:tags r:id="rId27"/>
            </p:custDataLst>
          </p:nvPr>
        </p:nvSpPr>
        <p:spPr>
          <a:xfrm>
            <a:off x="6381333" y="70781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End to End Testing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M_5a79f7b1210142dd9103d9c8f642f072_Date"/>
          <p:cNvSpPr txBox="1"/>
          <p:nvPr>
            <p:custDataLst>
              <p:tags r:id="rId28"/>
            </p:custDataLst>
          </p:nvPr>
        </p:nvSpPr>
        <p:spPr>
          <a:xfrm>
            <a:off x="6381333" y="8910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M_5a79f7b1210142dd9103d9c8f642f072_Shape"/>
          <p:cNvSpPr/>
          <p:nvPr>
            <p:custDataLst>
              <p:tags r:id="rId29"/>
            </p:custDataLst>
          </p:nvPr>
        </p:nvSpPr>
        <p:spPr>
          <a:xfrm rot="16200000">
            <a:off x="6184483" y="819785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M_4e0ccdcb57bd491689c79e24c6872851_Title"/>
          <p:cNvSpPr txBox="1"/>
          <p:nvPr>
            <p:custDataLst>
              <p:tags r:id="rId30"/>
            </p:custDataLst>
          </p:nvPr>
        </p:nvSpPr>
        <p:spPr>
          <a:xfrm>
            <a:off x="6721726" y="1160357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oll-out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M_4e0ccdcb57bd491689c79e24c6872851_Date"/>
          <p:cNvSpPr txBox="1"/>
          <p:nvPr>
            <p:custDataLst>
              <p:tags r:id="rId31"/>
            </p:custDataLst>
          </p:nvPr>
        </p:nvSpPr>
        <p:spPr>
          <a:xfrm>
            <a:off x="6721726" y="1343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8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M_4e0ccdcb57bd491689c79e24c6872851_Shape"/>
          <p:cNvSpPr/>
          <p:nvPr>
            <p:custDataLst>
              <p:tags r:id="rId32"/>
            </p:custDataLst>
          </p:nvPr>
        </p:nvSpPr>
        <p:spPr>
          <a:xfrm rot="16200000">
            <a:off x="6524876" y="127232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M_86dd2c02d7cf49899f7fd1cec43210ce_Title"/>
          <p:cNvSpPr txBox="1"/>
          <p:nvPr>
            <p:custDataLst>
              <p:tags r:id="rId33"/>
            </p:custDataLst>
          </p:nvPr>
        </p:nvSpPr>
        <p:spPr>
          <a:xfrm>
            <a:off x="2410075" y="2931668"/>
            <a:ext cx="215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Questionnaire Document Finaliz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M_86dd2c02d7cf49899f7fd1cec43210ce_Date"/>
          <p:cNvSpPr txBox="1"/>
          <p:nvPr>
            <p:custDataLst>
              <p:tags r:id="rId34"/>
            </p:custDataLst>
          </p:nvPr>
        </p:nvSpPr>
        <p:spPr>
          <a:xfrm>
            <a:off x="2410075" y="276394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11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M_86dd2c02d7cf49899f7fd1cec43210ce_Shape"/>
          <p:cNvSpPr/>
          <p:nvPr>
            <p:custDataLst>
              <p:tags r:id="rId35"/>
            </p:custDataLst>
          </p:nvPr>
        </p:nvSpPr>
        <p:spPr>
          <a:xfrm rot="16200000">
            <a:off x="2213225" y="282511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M_60ef5089990f4b48b328f13aceaae18b_Title"/>
          <p:cNvSpPr txBox="1"/>
          <p:nvPr>
            <p:custDataLst>
              <p:tags r:id="rId36"/>
            </p:custDataLst>
          </p:nvPr>
        </p:nvSpPr>
        <p:spPr>
          <a:xfrm>
            <a:off x="3204327" y="2479125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omputational Logic Model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M_60ef5089990f4b48b328f13aceaae18b_Date"/>
          <p:cNvSpPr txBox="1"/>
          <p:nvPr>
            <p:custDataLst>
              <p:tags r:id="rId37"/>
            </p:custDataLst>
          </p:nvPr>
        </p:nvSpPr>
        <p:spPr>
          <a:xfrm>
            <a:off x="3204327" y="23114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18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M_60ef5089990f4b48b328f13aceaae18b_Shape"/>
          <p:cNvSpPr/>
          <p:nvPr>
            <p:custDataLst>
              <p:tags r:id="rId38"/>
            </p:custDataLst>
          </p:nvPr>
        </p:nvSpPr>
        <p:spPr>
          <a:xfrm rot="16200000">
            <a:off x="3007477" y="2372572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M_941d474a3d8a40349f27b0125df5da44_Title"/>
          <p:cNvSpPr txBox="1"/>
          <p:nvPr>
            <p:custDataLst>
              <p:tags r:id="rId39"/>
            </p:custDataLst>
          </p:nvPr>
        </p:nvSpPr>
        <p:spPr>
          <a:xfrm>
            <a:off x="5587081" y="2479125"/>
            <a:ext cx="2159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Server Side Implementation (For e.g: Node.js or PHP script development)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M_941d474a3d8a40349f27b0125df5da44_Date"/>
          <p:cNvSpPr txBox="1"/>
          <p:nvPr>
            <p:custDataLst>
              <p:tags r:id="rId40"/>
            </p:custDataLst>
          </p:nvPr>
        </p:nvSpPr>
        <p:spPr>
          <a:xfrm>
            <a:off x="5587081" y="23114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8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M_941d474a3d8a40349f27b0125df5da44_Shape"/>
          <p:cNvSpPr/>
          <p:nvPr>
            <p:custDataLst>
              <p:tags r:id="rId41"/>
            </p:custDataLst>
          </p:nvPr>
        </p:nvSpPr>
        <p:spPr>
          <a:xfrm rot="16200000">
            <a:off x="5390231" y="2457831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M_8e495dcfc8574df986b6b1a1dc202daf_Title"/>
          <p:cNvSpPr txBox="1"/>
          <p:nvPr>
            <p:custDataLst>
              <p:tags r:id="rId42"/>
            </p:custDataLst>
          </p:nvPr>
        </p:nvSpPr>
        <p:spPr>
          <a:xfrm>
            <a:off x="9558339" y="247912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eEnergy Deadlin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M_8e495dcfc8574df986b6b1a1dc202daf_Date"/>
          <p:cNvSpPr txBox="1"/>
          <p:nvPr>
            <p:custDataLst>
              <p:tags r:id="rId43"/>
            </p:custDataLst>
          </p:nvPr>
        </p:nvSpPr>
        <p:spPr>
          <a:xfrm>
            <a:off x="9558339" y="23114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M_8e495dcfc8574df986b6b1a1dc202daf_Shape"/>
          <p:cNvSpPr/>
          <p:nvPr>
            <p:custDataLst>
              <p:tags r:id="rId44"/>
            </p:custDataLst>
          </p:nvPr>
        </p:nvSpPr>
        <p:spPr>
          <a:xfrm rot="16200000">
            <a:off x="9361489" y="237257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134" name="Table 13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88030503"/>
              </p:ext>
            </p:extLst>
          </p:nvPr>
        </p:nvGraphicFramePr>
        <p:xfrm>
          <a:off x="3388763" y="3938355"/>
          <a:ext cx="5137403" cy="2499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09306"/>
                <a:gridCol w="1334930"/>
                <a:gridCol w="1193167"/>
              </a:tblGrid>
              <a:tr h="287297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Description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Start Time</a:t>
                      </a:r>
                      <a:endParaRPr lang="en-U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/>
                        <a:t>End Time</a:t>
                      </a:r>
                      <a:endParaRPr lang="en-US" sz="1400" dirty="0"/>
                    </a:p>
                  </a:txBody>
                  <a:tcPr/>
                </a:tc>
              </a:tr>
              <a:tr h="258568">
                <a:tc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Questionnaire</a:t>
                      </a:r>
                      <a:r>
                        <a:rPr lang="en-US" sz="1200" baseline="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 Document Finalization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13-Nov-2015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11-Dec-2015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258568">
                <a:tc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Computational</a:t>
                      </a:r>
                      <a:r>
                        <a:rPr lang="en-US" sz="1200" baseline="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 Logic Model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06-Nov-2015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18-Dec-2015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258568">
                <a:tc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UI Prototype Development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10-Nov-2015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25-Dec-2015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258568">
                <a:tc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Environment Setup at UMBC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14-Dec-2015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25-Dec-2015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258568">
                <a:tc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Server Side Implementation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28-Dec-2015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08-Jan-2016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258568">
                <a:tc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End to End Testing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11-Jan-2016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15-Jan-2016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258568">
                <a:tc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Roll-out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18-Jan-2016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18-Jan-2016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258568">
                <a:tc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Experiments</a:t>
                      </a:r>
                      <a:r>
                        <a:rPr lang="en-US" sz="1200" baseline="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 on AMT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19-Jan-2016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solidFill>
                            <a:schemeClr val="accent5">
                              <a:lumMod val="50000"/>
                            </a:schemeClr>
                          </a:solidFill>
                        </a:rPr>
                        <a:t>12-Feb-2016</a:t>
                      </a:r>
                      <a:endParaRPr lang="en-US" sz="1200" dirty="0">
                        <a:solidFill>
                          <a:schemeClr val="accent5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643458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MuMDE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0MiwiRyI6MTcyLCJCIjoxND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wLCJHIjowLCJCIjowfX0sIkFwcGVuZFllYXJPblllYXJDaGFuZ2UiOnRydWUsIkVsYXBzZWRUaW1lRm9ybWF0Ijox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S0xMi0xMVQyMzo1OTo1OS45OTlaIiwiRW5kRGF0ZSI6IjIwMTYtMDItMTJUMjM6NTk6NTkuOTk5WiIsIkZvcm1hdCI6Ik1NTSIsIlR5cGUiOjIsIkF1dG9EYXRlUmFuZ2UiOnRydWUsIldvcmtpbmdEYXlzIjozMSwiVG9kYXlNYXJrZXJUZXh0IjoiVG9kYXkiLCJBdXRvU2NhbGVUeXBlIjp0cnVlfSwiTWlsZXN0b25lcyI6W3siJGlkIjoiMTIzIiwiRGF0ZSI6IjIwMTUtMTItMT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dHJ1ZSwiSGlkZURhdGUiOmZhbHNlLCJTaGFwZVNpemUiOjEsIlNwYWNpbmciOjE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I4NmRkMmMwMi1kN2NmLTQ5ODktOWY3Zi1kMWNlYzQzMjEwY2UiLCJJbXBvcnRJZCI6bnVsbCwiVGl0bGUiOiJRdWVzdGlvbm5haXJlIERvY3VtZW50IEZpbmFsaXphdGlvbiIsIk5vdGUiOm51bGwsIkh5cGVybGluayI6bnVsbCwiSXNDaGFuZ2VkIjpmYWxzZSwiSXNOZXciOmZhbHNlfSx7IiRpZCI6IjEzOSIsIkRhdGUiOiIyMDE1LTEyLTE4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jM3LCJHIjoxMjUsIkIiOjQ5fX0sIkxpbmVXZWlnaHQiOjEuMCwiTGluZVR5cGUiOjAsIlBhcmVudFN0eWxlIjp7IiRyZWYiOiI1NSJ9fSwiSXNCZWxvd1RpbWViYW5kIjp0cnVlLCJIaWRlRGF0ZSI6ZmFsc2UsIlNoYXBlU2l6ZSI6MSwiU3BhY2luZyI6MS4wLCJQYWRkaW5nIjp7IiRyZWYiOiI1OCJ9LCJTaGFwZVN0eWxlIjp7IiRpZCI6IjE0NCIsIk1hcmdpbiI6eyIkcmVmIjoiNjAifSwiUGFkZGluZyI6eyIkcmVmIjoiNjEifSwiQmFja2dyb3VuZCI6eyIkaWQiOiIxNDUiLCJDb2xvciI6eyIkaWQiOiIxNDYiLCJBIjoyNTUsIlIiOjIzNywiRyI6MTI1LCJCIjo0O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I2MGVmNTA4OS05OTBmLTRiNDgtYjMyOC1mMTNhY2VhYWUxOGIiLCJJbXBvcnRJZCI6bnVsbCwiVGl0bGUiOiJDb21wdXRhdGlvbmFsIExvZ2ljIE1vZGVsIiwiTm90ZSI6bnVsbCwiSHlwZXJsaW5rIjpudWxsLCJJc0NoYW5nZWQiOmZhbHNlLCJJc05ldyI6ZmFsc2V9LHsiJGlkIjoiMTU1IiwiRGF0ZSI6IjIwMTUtMTItMjV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xNTAsIkciOjIxNCwiQiI6NjZ9fSwiTGluZVdlaWdodCI6MS4wLCJMaW5lVHlwZSI6MCwiUGFyZW50U3R5bGUiOnsiJHJlZiI6IjU1In19LCJJc0JlbG93VGltZWJhbmQiOmZhbHNlLCJIaWRlRGF0ZSI6ZmFsc2UsIlNoYXBlU2l6ZSI6MSwiU3BhY2luZyI6MS4wLCJQYWRkaW5nIjp7IiRyZWYiOiI1OCJ9LCJTaGFwZVN0eWxlIjp7IiRpZCI6IjE2MCIsIk1hcmdpbiI6eyIkcmVmIjoiNjAifSwiUGFkZGluZyI6eyIkcmVmIjoiNjEifSwiQmFja2dyb3VuZCI6eyIkaWQiOiIxNjEiLCJDb2xvciI6eyIkaWQiOiIxNjIiLCJBIjoyNTUsIlIiOjE1MCwiRyI6MjE0LCJCIjo2N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CwiSXNDdXN0b20iOmZhbHNlfSwiSWQiOiIxNjljMjM5OS1hMzJmLTQ3ZTktYTkzZi0wNDExY2I1ZTNkZDUiLCJJbXBvcnRJZCI6bnVsbCwiVGl0bGUiOiJVSSBQcm90b3R5cGUgTW9kZWwiLCJOb3RlIjpudWxsLCJIeXBlcmxpbmsiOm51bGwsIklzQ2hhbmdlZCI6ZmFsc2UsIklzTmV3IjpmYWxzZX0seyIkaWQiOiIxNzEiLCJEYXRlIjoiMjAxNS0xMi0yNV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xMjcsIlIiOjY4LCJHIjo4NCwiQiI6MTA2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2OCwiRyI6ODQsIkIiOjEwNn19LCJJc1Zpc2libGUiOnRydWUsIldpZHRoIjoxOC4wLCJIZWlnaHQiOjIwLjA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zYTMzYTA4YS0xNjljLTQwNjEtYjk4Ni1lMGIyZWQ3YzkyOTAiLCJJbXBvcnRJZCI6bnVsbCwiVGl0bGUiOiJFbnZpcm9ubWVudCBTZXR1cCBhdCBVTUJDIChGb3IgZS5nOiBEYXRhYmFzZSBzZXR1cCBldGMuKSIsIk5vdGUiOm51bGwsIkh5cGVybGluayI6bnVsbCwiSXNDaGFuZ2VkIjpmYWxzZSwiSXNOZXciOmZhbHNlfSx7IiRpZCI6IjE4NyIsIkRhdGUiOiIyMDE2LTAxLTA4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U0LCJHIjoxODYsIkIiOjEwfX0sIkxpbmVXZWlnaHQiOjEuMCwiTGluZVR5cGUiOjAsIlBhcmVudFN0eWxlIjp7IiRyZWYiOiI1NSJ9fSwiSXNCZWxvd1RpbWViYW5kIjp0cnVlLCJIaWRlRGF0ZSI6ZmFsc2UsIlNoYXBlU2l6ZSI6MSwiU3BhY2luZyI6MS4wLCJQYWRkaW5nIjp7IiRyZWYiOiI1OCJ9LCJTaGFwZVN0eWxlIjp7IiRpZCI6IjE5MiIsIk1hcmdpbiI6eyIkcmVmIjoiNjAifSwiUGFkZGluZyI6eyIkcmVmIjoiNjEifSwiQmFja2dyb3VuZCI6eyIkaWQiOiIxOTMiLCJDb2xvciI6eyIkaWQiOiIxOTQiLCJBIjoyNTUsIlIiOjI1NCwiRyI6MTg2LCJCIjoxMH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4IiwiTGluZUNvbG9yIjpudWxsLCJMaW5lV2VpZ2h0IjowLjAsIkxpbmVUeXBlIjowLCJQYXJlbnRTdHlsZSI6bnVsbH0sIlBhcmVudFN0eWxlIjp7IiRyZWYiOiI2NSJ9fSwiRGF0ZVN0eWxlIjp7IiRpZCI6IjE5OSIsIkZvbnRTZXR0aW5ncyI6eyIkaWQiOiIyM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yZWYiOiI3OSJ9LCJJc1Zpc2libGUiOnRydWUsIlBhcmVudFN0eWxlIjp7IiRyZWYiOiI1MyJ9fSwiUG9zaXRpb24iOnsiJGlkIjoiMjAyIiwiUmF0aW8iOjAuMCwiSXNDdXN0b20iOmZhbHNlfSwiSWQiOiI5NDFkNDc0YS0zZDhhLTQwMzQtOWYyNy1iMDEyNWRmNWRhNDQiLCJJbXBvcnRJZCI6bnVsbCwiVGl0bGUiOiJTZXJ2ZXIgU2lkZSBJbXBsZW1lbnRhdGlvbiAoRm9yIGUuZzogTm9kZS5qcyBvciBQSFAgc2NyaXB0IGRldmVsb3BtZW50KSIsIk5vdGUiOm51bGwsIkh5cGVybGluayI6bnVsbCwiSXNDaGFuZ2VkIjpmYWxzZSwiSXNOZXciOmZhbHNlfSx7IiRpZCI6IjIwMyIsIkRhdGUiOiIyMDE2LTAxLTE1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MiwiRyI6MTc4LCJCIjoyMzh9fSwiTGluZVdlaWdodCI6MS4wLCJMaW5lVHlwZSI6MCwiUGFyZW50U3R5bGUiOnsiJHJlZiI6IjU1In19LCJJc0JlbG93VGltZWJhbmQiOmZhbHNlLCJIaWRlRGF0ZSI6ZmFsc2UsIlNoYXBlU2l6ZSI6MSwiU3BhY2luZyI6MS4wLCJQYWRkaW5nIjp7IiRyZWYiOiI1OCJ9LCJTaGFwZVN0eWxlIjp7IiRpZCI6IjIwOCIsIk1hcmdpbiI6eyIkcmVmIjoiNjAifSwiUGFkZGluZyI6eyIkcmVmIjoiNjEifSwiQmFja2dyb3VuZCI6eyIkaWQiOiIyMDkiLCJDb2xvciI6eyIkaWQiOiIyMTAiLCJBIjoyNTUsIlIiOjIsIkciOjE3OCwiQiI6MjM4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2IiwiTGluZUNvbG9yIjpudWxsLCJMaW5lV2VpZ2h0IjowLjAsIkxpbmVUeXBlIjowLCJQYXJlbnRTdHlsZSI6bnVsbH0sIlBhcmVudFN0eWxlIjp7IiRyZWYiOiI2NSJ9fSwiRGF0ZVN0eWxlIjp7IiRpZCI6IjI0NyIsIkZvbnRTZXR0aW5ncyI6eyIkaWQiOiIyND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4</TotalTime>
  <Words>100</Words>
  <Application>Microsoft Office PowerPoint</Application>
  <PresentationFormat>Widescreen</PresentationFormat>
  <Paragraphs>4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yank Thirani</dc:creator>
  <cp:lastModifiedBy>Mayank Thirani</cp:lastModifiedBy>
  <cp:revision>3</cp:revision>
  <dcterms:created xsi:type="dcterms:W3CDTF">2015-11-29T04:56:43Z</dcterms:created>
  <dcterms:modified xsi:type="dcterms:W3CDTF">2015-11-29T05:51:40Z</dcterms:modified>
</cp:coreProperties>
</file>